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1504\01_母子保健G\04_乳幼児\09_新生児聴覚検査体制整備事業\19_機器整備事業\R8\02_医療機関あて申請通知（申込案内）\01_起案\"/>
    </mc:Choice>
  </mc:AlternateContent>
  <xr:revisionPtr revIDLastSave="0" documentId="13_ncr:1_{0C6BA58F-86A8-4AE5-B200-1721AF13B9C3}" xr6:coauthVersionLast="47" xr6:coauthVersionMax="47" xr10:uidLastSave="{00000000-0000-0000-0000-000000000000}"/>
  <bookViews>
    <workbookView xWindow="-23148" yWindow="-108" windowWidth="23256" windowHeight="13896" xr2:uid="{00000000-000D-0000-FFFF-FFFF00000000}"/>
  </bookViews>
  <sheets>
    <sheet name="分娩取扱件数" sheetId="1" r:id="rId1"/>
  </sheets>
  <externalReferences>
    <externalReference r:id="rId2"/>
  </externalReferences>
  <definedNames>
    <definedName name="_xlnm.Print_Area" localSheetId="0">分娩取扱件数!$B$1:$G$12</definedName>
    <definedName name="事業分類">[1]事業分類・区分!$B$2:$H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" uniqueCount="9">
  <si>
    <t>分娩取扱件数等調書</t>
    <rPh sb="0" eb="6">
      <t>ブンベントリアツカイケンスウ</t>
    </rPh>
    <rPh sb="6" eb="7">
      <t>トウ</t>
    </rPh>
    <rPh sb="7" eb="9">
      <t>チョウショ</t>
    </rPh>
    <phoneticPr fontId="2"/>
  </si>
  <si>
    <t>１．施設の名称</t>
    <rPh sb="2" eb="4">
      <t>シセツ</t>
    </rPh>
    <rPh sb="5" eb="7">
      <t>メイショウ</t>
    </rPh>
    <phoneticPr fontId="2"/>
  </si>
  <si>
    <t>件</t>
    <rPh sb="0" eb="1">
      <t>ケン</t>
    </rPh>
    <phoneticPr fontId="2"/>
  </si>
  <si>
    <t>有</t>
    <rPh sb="0" eb="1">
      <t>アリ</t>
    </rPh>
    <phoneticPr fontId="2"/>
  </si>
  <si>
    <t>無</t>
    <rPh sb="0" eb="1">
      <t>ナ</t>
    </rPh>
    <phoneticPr fontId="2"/>
  </si>
  <si>
    <t>２．令和７年度分娩取扱件数 ※１</t>
    <rPh sb="2" eb="4">
      <t>レイワ</t>
    </rPh>
    <rPh sb="5" eb="6">
      <t>ネン</t>
    </rPh>
    <rPh sb="6" eb="7">
      <t>ド</t>
    </rPh>
    <rPh sb="7" eb="9">
      <t>ブンベン</t>
    </rPh>
    <rPh sb="9" eb="11">
      <t>トリアツカイ</t>
    </rPh>
    <rPh sb="11" eb="13">
      <t>ケンスウ</t>
    </rPh>
    <phoneticPr fontId="2"/>
  </si>
  <si>
    <t>３．ABR、自動ABR機器のリース契約等による使用の有無　※２</t>
    <rPh sb="6" eb="8">
      <t>ジドウ</t>
    </rPh>
    <rPh sb="11" eb="13">
      <t>キキ</t>
    </rPh>
    <rPh sb="17" eb="20">
      <t>ケイヤクトウ</t>
    </rPh>
    <rPh sb="23" eb="25">
      <t>シヨウ</t>
    </rPh>
    <rPh sb="26" eb="28">
      <t>ウム</t>
    </rPh>
    <phoneticPr fontId="2"/>
  </si>
  <si>
    <t>※１　助産所においては、出張（自宅等での出産）取扱件数を含めてください。</t>
    <rPh sb="3" eb="5">
      <t>ジョサン</t>
    </rPh>
    <rPh sb="5" eb="6">
      <t>ジョ</t>
    </rPh>
    <rPh sb="12" eb="14">
      <t>シュッチョウ</t>
    </rPh>
    <rPh sb="15" eb="17">
      <t>ジタク</t>
    </rPh>
    <rPh sb="17" eb="18">
      <t>トウ</t>
    </rPh>
    <rPh sb="20" eb="22">
      <t>シュッサン</t>
    </rPh>
    <rPh sb="23" eb="27">
      <t>トリアツカイケンスウ</t>
    </rPh>
    <rPh sb="28" eb="29">
      <t>フク</t>
    </rPh>
    <phoneticPr fontId="2"/>
  </si>
  <si>
    <t>※２　自己所有しておらず、リース契約等で使用の有無について回答ください。</t>
    <rPh sb="3" eb="5">
      <t>ジコ</t>
    </rPh>
    <rPh sb="5" eb="7">
      <t>ショユウ</t>
    </rPh>
    <rPh sb="16" eb="19">
      <t>ケイヤクトウ</t>
    </rPh>
    <rPh sb="20" eb="22">
      <t>シヨウ</t>
    </rPh>
    <rPh sb="23" eb="25">
      <t>ウム</t>
    </rPh>
    <rPh sb="29" eb="31">
      <t>カイト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0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11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Fill="1" applyBorder="1" applyAlignment="1">
      <alignment horizontal="left" vertical="center"/>
    </xf>
    <xf numFmtId="0" fontId="1" fillId="3" borderId="2" xfId="0" applyFont="1" applyFill="1" applyBorder="1" applyAlignment="1">
      <alignment vertical="center"/>
    </xf>
    <xf numFmtId="0" fontId="1" fillId="0" borderId="0" xfId="0" applyFont="1" applyAlignment="1"/>
    <xf numFmtId="0" fontId="1" fillId="3" borderId="0" xfId="0" applyFont="1" applyFill="1" applyAlignment="1">
      <alignment vertical="center"/>
    </xf>
    <xf numFmtId="0" fontId="1" fillId="0" borderId="1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1" fillId="2" borderId="1" xfId="0" applyFont="1" applyFill="1" applyBorder="1" applyAlignment="1">
      <alignment horizontal="left" vertical="center"/>
    </xf>
    <xf numFmtId="0" fontId="1" fillId="3" borderId="0" xfId="0" applyFont="1" applyFill="1" applyAlignment="1">
      <alignment vertical="center"/>
    </xf>
    <xf numFmtId="0" fontId="1" fillId="0" borderId="0" xfId="0" applyFont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B0F0"/>
    <pageSetUpPr fitToPage="1"/>
  </sheetPr>
  <dimension ref="B1:J33"/>
  <sheetViews>
    <sheetView tabSelected="1" view="pageBreakPreview" zoomScale="75" zoomScaleNormal="100" zoomScaleSheetLayoutView="75" workbookViewId="0">
      <selection activeCell="B15" sqref="B14:B15"/>
    </sheetView>
  </sheetViews>
  <sheetFormatPr defaultColWidth="9" defaultRowHeight="20.100000000000001" customHeight="1" x14ac:dyDescent="0.15"/>
  <cols>
    <col min="1" max="1" width="0.875" style="1" customWidth="1"/>
    <col min="2" max="2" width="54.5" style="1" customWidth="1"/>
    <col min="3" max="3" width="24" style="1" customWidth="1"/>
    <col min="4" max="4" width="8" style="1" customWidth="1"/>
    <col min="5" max="6" width="24" style="1" customWidth="1"/>
    <col min="7" max="7" width="26.625" style="1" customWidth="1"/>
    <col min="8" max="8" width="1.375" style="1" customWidth="1"/>
    <col min="9" max="16384" width="9" style="1"/>
  </cols>
  <sheetData>
    <row r="1" spans="2:10" ht="13.5" x14ac:dyDescent="0.15"/>
    <row r="2" spans="2:10" ht="13.5" x14ac:dyDescent="0.15"/>
    <row r="3" spans="2:10" ht="13.5" x14ac:dyDescent="0.15">
      <c r="C3" s="7" t="s">
        <v>0</v>
      </c>
      <c r="D3" s="7"/>
      <c r="E3" s="7"/>
    </row>
    <row r="4" spans="2:10" ht="13.5" x14ac:dyDescent="0.15"/>
    <row r="5" spans="2:10" ht="45.6" customHeight="1" x14ac:dyDescent="0.15">
      <c r="B5" s="2" t="s">
        <v>1</v>
      </c>
      <c r="C5" s="8"/>
      <c r="D5" s="8"/>
      <c r="E5" s="8"/>
      <c r="F5" s="8"/>
      <c r="G5" s="8"/>
      <c r="J5" s="1" t="s">
        <v>3</v>
      </c>
    </row>
    <row r="6" spans="2:10" ht="45.6" customHeight="1" x14ac:dyDescent="0.15">
      <c r="B6" s="2" t="s">
        <v>5</v>
      </c>
      <c r="C6" s="3"/>
      <c r="D6" s="4" t="s">
        <v>2</v>
      </c>
      <c r="F6" s="5"/>
      <c r="G6" s="5"/>
      <c r="J6" s="1" t="s">
        <v>4</v>
      </c>
    </row>
    <row r="7" spans="2:10" ht="38.450000000000003" customHeight="1" x14ac:dyDescent="0.15">
      <c r="B7" s="6" t="s">
        <v>6</v>
      </c>
      <c r="C7" s="6"/>
    </row>
    <row r="8" spans="2:10" ht="13.5" x14ac:dyDescent="0.15">
      <c r="B8" s="9" t="s">
        <v>7</v>
      </c>
      <c r="C8" s="9"/>
      <c r="D8" s="9"/>
      <c r="E8" s="9"/>
      <c r="F8" s="9"/>
      <c r="G8" s="9"/>
    </row>
    <row r="9" spans="2:10" ht="13.5" x14ac:dyDescent="0.15">
      <c r="B9" s="10" t="s">
        <v>8</v>
      </c>
      <c r="C9" s="10"/>
      <c r="D9" s="10"/>
      <c r="E9" s="10"/>
      <c r="F9" s="10"/>
      <c r="G9" s="10"/>
    </row>
    <row r="10" spans="2:10" ht="13.5" x14ac:dyDescent="0.15"/>
    <row r="11" spans="2:10" ht="13.5" x14ac:dyDescent="0.15"/>
    <row r="12" spans="2:10" ht="13.5" x14ac:dyDescent="0.15"/>
    <row r="13" spans="2:10" ht="13.5" x14ac:dyDescent="0.15"/>
    <row r="14" spans="2:10" ht="13.5" x14ac:dyDescent="0.15"/>
    <row r="15" spans="2:10" ht="13.5" x14ac:dyDescent="0.15"/>
    <row r="16" spans="2:10" ht="13.5" x14ac:dyDescent="0.15"/>
    <row r="17" ht="13.5" x14ac:dyDescent="0.15"/>
    <row r="18" ht="13.5" x14ac:dyDescent="0.15"/>
    <row r="19" ht="13.5" x14ac:dyDescent="0.15"/>
    <row r="20" ht="13.5" x14ac:dyDescent="0.15"/>
    <row r="21" ht="13.5" x14ac:dyDescent="0.15"/>
    <row r="22" ht="13.5" x14ac:dyDescent="0.15"/>
    <row r="23" ht="13.5" x14ac:dyDescent="0.15"/>
    <row r="24" ht="13.5" x14ac:dyDescent="0.15"/>
    <row r="25" ht="13.5" x14ac:dyDescent="0.15"/>
    <row r="26" ht="13.5" x14ac:dyDescent="0.15"/>
    <row r="27" ht="13.5" x14ac:dyDescent="0.15"/>
    <row r="28" ht="13.5" x14ac:dyDescent="0.15"/>
    <row r="29" ht="13.5" x14ac:dyDescent="0.15"/>
    <row r="30" ht="13.5" x14ac:dyDescent="0.15"/>
    <row r="31" ht="13.5" x14ac:dyDescent="0.15"/>
    <row r="32" ht="13.5" x14ac:dyDescent="0.15"/>
    <row r="33" ht="13.5" x14ac:dyDescent="0.15"/>
  </sheetData>
  <mergeCells count="4">
    <mergeCell ref="C3:E3"/>
    <mergeCell ref="C5:G5"/>
    <mergeCell ref="B9:G9"/>
    <mergeCell ref="B8:G8"/>
  </mergeCells>
  <phoneticPr fontId="2"/>
  <dataValidations count="1">
    <dataValidation type="list" allowBlank="1" showInputMessage="1" showErrorMessage="1" sqref="C7" xr:uid="{00000000-0002-0000-0000-000000000000}">
      <formula1>$J$5:$J$6</formula1>
    </dataValidation>
  </dataValidations>
  <printOptions horizontalCentered="1"/>
  <pageMargins left="0.59055118110236227" right="0.59055118110236227" top="0.59055118110236227" bottom="0.59055118110236227" header="0.39370078740157483" footer="0.39370078740157483"/>
  <pageSetup paperSize="9" scale="85" orientation="landscape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分娩取扱件数</vt:lpstr>
      <vt:lpstr>分娩取扱件数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0-09-04T06:20:44Z</dcterms:created>
  <dcterms:modified xsi:type="dcterms:W3CDTF">2026-06-15T10:35:15Z</dcterms:modified>
</cp:coreProperties>
</file>